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rimmel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C29E469-B783-6913-E421-47A81DA6C8D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6654" y="5349875"/>
            <a:ext cx="1700017" cy="131921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B0EDA6B-B3D0-16DD-2864-3449AC4904A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8304" y="4102100"/>
            <a:ext cx="1700017" cy="13192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9-23T13:51:53Z</dcterms:modified>
</cp:coreProperties>
</file>